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1" r:id="rId2"/>
    <p:sldId id="262" r:id="rId3"/>
    <p:sldId id="270" r:id="rId4"/>
    <p:sldId id="268" r:id="rId5"/>
    <p:sldId id="258" r:id="rId6"/>
    <p:sldId id="265" r:id="rId7"/>
    <p:sldId id="266" r:id="rId8"/>
    <p:sldId id="267" r:id="rId9"/>
    <p:sldId id="269" r:id="rId10"/>
    <p:sldId id="260" r:id="rId11"/>
  </p:sldIdLst>
  <p:sldSz cx="12188825" cy="6858000"/>
  <p:notesSz cx="6797675" cy="9926638"/>
  <p:embeddedFontLst>
    <p:embeddedFont>
      <p:font typeface="AU Passata" panose="020B0604020202020204" charset="0"/>
      <p:regular r:id="rId14"/>
      <p:bold r:id="rId15"/>
    </p:embeddedFont>
    <p:embeddedFont>
      <p:font typeface="AU Passata Light" panose="020B0604020202020204" charset="0"/>
      <p:regular r:id="rId16"/>
      <p:bold r:id="rId17"/>
    </p:embeddedFont>
    <p:embeddedFont>
      <p:font typeface="AU Peto" panose="020B0604020202020204" charset="0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  <p:embeddedFont>
      <p:font typeface="Wingdings 3" panose="05040102010807070707" pitchFamily="18" charset="2"/>
      <p:regular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106" d="100"/>
          <a:sy n="106" d="100"/>
        </p:scale>
        <p:origin x="678" y="11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font" Target="fonts/font13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font" Target="fonts/font14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7. juni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emester Projekt 4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jektgruppe 2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7. juni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emester Projekt 4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jektgruppe 2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7. juni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emester Projekt 4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jektgruppe 2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 dirty="0"/>
              <a:t>17-06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rojektgruppe 2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7. juni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emester Projekt 4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7-06-2022</a:t>
            </a:fld>
            <a:r>
              <a:rPr lang="da-DK"/>
              <a:t>17-06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1556792"/>
            <a:ext cx="10220325" cy="830997"/>
          </a:xfrm>
        </p:spPr>
        <p:txBody>
          <a:bodyPr/>
          <a:lstStyle/>
          <a:p>
            <a:r>
              <a:rPr lang="da-DK" dirty="0"/>
              <a:t>Dungeons and </a:t>
            </a:r>
            <a:r>
              <a:rPr lang="da-DK" dirty="0" err="1"/>
              <a:t>Gnoblin</a:t>
            </a:r>
            <a:endParaRPr lang="da-DK" dirty="0"/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2E0E0046-1DE4-D918-EA9A-B4E0447C014F}"/>
              </a:ext>
            </a:extLst>
          </p:cNvPr>
          <p:cNvSpPr txBox="1"/>
          <p:nvPr/>
        </p:nvSpPr>
        <p:spPr>
          <a:xfrm>
            <a:off x="985838" y="2571647"/>
            <a:ext cx="1618585" cy="187128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Rasmus Engelund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Anders Hundahl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Oscar Dennis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Luyen Nhu Vu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Jacob </a:t>
            </a:r>
            <a:r>
              <a:rPr lang="da-DK" sz="1600" dirty="0" err="1">
                <a:solidFill>
                  <a:schemeClr val="bg1"/>
                </a:solidFill>
                <a:latin typeface="+mn-lt"/>
              </a:rPr>
              <a:t>Hoberg</a:t>
            </a:r>
            <a:endParaRPr lang="da-DK" sz="1600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Sune Dyrbye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Morten Kristensen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Magnus Møll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troduktion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248A683-39B6-C8CD-C6D0-6B1B1BB2BB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blemformuler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A3BF0FF-27CA-1DC5-44BD-18B951B9AC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BFE6F5B-CDC5-BB35-955F-6EDB596DE3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205C5F-024D-401E-894D-906CD97E0A49}" type="datetime1">
              <a:rPr lang="da-DK" smtClean="0"/>
              <a:t>17-06-2022</a:t>
            </a:fld>
            <a:r>
              <a:rPr lang="da-DK"/>
              <a:t>17-06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073857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5DCC18B-6B44-EFA7-287F-CBC8C62366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ravsspecifikatio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3B2B839-3D7D-4773-6940-A73CCB99F5C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D185B68-0B79-CD04-0A44-850DA5837E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23CE15-07E8-45AD-82E1-0C46BD07BC79}" type="datetime1">
              <a:rPr lang="da-DK" smtClean="0"/>
              <a:t>17-06-2022</a:t>
            </a:fld>
            <a:r>
              <a:rPr lang="da-DK"/>
              <a:t>17-06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032793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alys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18AF370-6B0C-555D-BDF1-1E486AB2CA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rkitektu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6925C05-DE4C-5B14-DFFD-268AF8DCA1A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150260-971C-26D0-0466-3A1194876B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02C241-3AC6-4E2F-B7EA-289CA885EA28}" type="datetime1">
              <a:rPr lang="da-DK" smtClean="0"/>
              <a:t>17-06-2022</a:t>
            </a:fld>
            <a:r>
              <a:rPr lang="da-DK"/>
              <a:t>17-06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098431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F8E0DC6-F2DD-36F4-E801-3D52847981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sig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E47E387-9316-FA64-19DF-3105C0F4F35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E5C2B10-8476-56B2-5D29-4D1DFA7473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49D7F4-67F9-4BA3-8F75-585844468DAD}" type="datetime1">
              <a:rPr lang="da-DK" smtClean="0"/>
              <a:t>17-06-2022</a:t>
            </a:fld>
            <a:r>
              <a:rPr lang="da-DK"/>
              <a:t>17-06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8951953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82C412F-EF3A-4EC6-9F73-01B8F9F53B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mplementer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959BA1D-CC38-DCFA-D42D-7E39734F05B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647E2D4-BD87-5B97-88C2-FD51D47B50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9C9FA2-FB54-4462-9D19-B7081CD90EE0}" type="datetime1">
              <a:rPr lang="da-DK" smtClean="0"/>
              <a:t>17-06-2022</a:t>
            </a:fld>
            <a:r>
              <a:rPr lang="da-DK"/>
              <a:t>17-06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1812531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FE82325-EBD9-4CDB-B19E-622339A5C7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ccepttest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74A4398-BD6F-F683-FA40-36781DA293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E9ACC1C-38C1-AF29-2FBB-70B2E87690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981CEF-9365-473A-AD42-500115841079}" type="datetime1">
              <a:rPr lang="da-DK" smtClean="0"/>
              <a:t>17-06-2022</a:t>
            </a:fld>
            <a:r>
              <a:rPr lang="da-DK"/>
              <a:t>17-06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66744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6</Words>
  <Application>Microsoft Office PowerPoint</Application>
  <PresentationFormat>Brugerdefineret</PresentationFormat>
  <Paragraphs>25</Paragraphs>
  <Slides>10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8" baseType="lpstr">
      <vt:lpstr>AU Passata Light</vt:lpstr>
      <vt:lpstr>Calibri</vt:lpstr>
      <vt:lpstr>AU Peto</vt:lpstr>
      <vt:lpstr>Arial</vt:lpstr>
      <vt:lpstr>Wingdings 3</vt:lpstr>
      <vt:lpstr>AU Passata</vt:lpstr>
      <vt:lpstr>Georgia</vt:lpstr>
      <vt:lpstr>AU 16:9</vt:lpstr>
      <vt:lpstr>Dungeons and Gnoblin</vt:lpstr>
      <vt:lpstr>Introduktion</vt:lpstr>
      <vt:lpstr>Problemformulering</vt:lpstr>
      <vt:lpstr>Kravsspecifikation</vt:lpstr>
      <vt:lpstr>Analyse</vt:lpstr>
      <vt:lpstr>Arkitektur</vt:lpstr>
      <vt:lpstr>Design</vt:lpstr>
      <vt:lpstr>Implementering</vt:lpstr>
      <vt:lpstr>Accepttest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6-17T08:21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78440680229050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